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"/>
        <w:tblW w:w="6804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804"/>
      </w:tblGrid>
      <w:tr w:rsidR="00655B49" w:rsidRPr="00F9138C" w:rsidTr="009A166C">
        <w:trPr>
          <w:trHeight w:val="3061"/>
        </w:trPr>
        <w:tc>
          <w:tcPr>
            <w:tcW w:w="6804" w:type="dxa"/>
          </w:tcPr>
          <w:p w:rsidR="00DF1623" w:rsidRPr="00F9138C" w:rsidRDefault="00DF1623" w:rsidP="00F9138C">
            <w:pPr>
              <w:tabs>
                <w:tab w:val="left" w:pos="5655"/>
              </w:tabs>
              <w:rPr>
                <w:lang w:val="en-US"/>
              </w:rPr>
            </w:pPr>
          </w:p>
        </w:tc>
      </w:tr>
    </w:tbl>
    <w:p w:rsidR="00F9138C" w:rsidRDefault="00F9138C" w:rsidP="005704AD">
      <w:pPr>
        <w:pStyle w:val="Overskrift1"/>
      </w:pPr>
      <w:r>
        <w:t xml:space="preserve">Formular til brug for stamoplysninger i ministeriets revisorregister. </w:t>
      </w:r>
      <w:r w:rsidRPr="00F9138C">
        <w:t>Anvendes ved oplysning om revisorvalg /revisorskift /ændring af revisoradresse mv.</w:t>
      </w:r>
    </w:p>
    <w:p w:rsidR="00F9138C" w:rsidRPr="00F9138C" w:rsidRDefault="00F9138C" w:rsidP="00F9138C">
      <w:pPr>
        <w:pStyle w:val="DocumentHeading"/>
        <w:rPr>
          <w:rFonts w:asciiTheme="minorHAnsi" w:hAnsiTheme="minorHAnsi"/>
          <w:b w:val="0"/>
          <w:bCs/>
          <w:i/>
          <w:color w:val="FF0000"/>
        </w:rPr>
      </w:pPr>
      <w:r w:rsidRPr="00F9138C">
        <w:rPr>
          <w:rFonts w:asciiTheme="minorHAnsi" w:hAnsiTheme="minorHAnsi"/>
          <w:b w:val="0"/>
          <w:bCs/>
          <w:i/>
          <w:color w:val="FF0000"/>
        </w:rPr>
        <w:t>(OBS!! Alle felter skal udfyldes)</w:t>
      </w:r>
    </w:p>
    <w:p w:rsidR="00F9138C" w:rsidRPr="00F9138C" w:rsidRDefault="00F9138C" w:rsidP="00F9138C">
      <w:pPr>
        <w:pStyle w:val="DocumentHeading"/>
        <w:rPr>
          <w:rFonts w:ascii="Candara" w:hAnsi="Candara"/>
          <w:b w:val="0"/>
          <w:bCs/>
          <w:i/>
          <w:color w:val="FF0000"/>
          <w:sz w:val="28"/>
        </w:rPr>
      </w:pPr>
      <w:r w:rsidRPr="00F9138C">
        <w:rPr>
          <w:rFonts w:asciiTheme="minorHAnsi" w:hAnsiTheme="minorHAnsi"/>
          <w:bCs/>
          <w:i/>
          <w:color w:val="808080"/>
          <w:sz w:val="22"/>
          <w:szCs w:val="18"/>
        </w:rPr>
        <w:t xml:space="preserve">Formularen må gerne scannes og mailes til </w:t>
      </w:r>
      <w:r w:rsidR="00BF08B1">
        <w:rPr>
          <w:rFonts w:asciiTheme="minorHAnsi" w:hAnsiTheme="minorHAnsi"/>
          <w:bCs/>
          <w:i/>
          <w:color w:val="808080"/>
          <w:sz w:val="22"/>
          <w:szCs w:val="18"/>
        </w:rPr>
        <w:t>TRR-support@stukuvm.dk</w:t>
      </w:r>
    </w:p>
    <w:p w:rsid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240" w:lineRule="auto"/>
        <w:jc w:val="both"/>
        <w:rPr>
          <w:rFonts w:asciiTheme="minorHAnsi" w:hAnsiTheme="minorHAnsi"/>
          <w:b/>
          <w:bCs/>
        </w:rPr>
      </w:pPr>
      <w:r w:rsidRPr="00F9138C">
        <w:rPr>
          <w:rFonts w:asciiTheme="minorHAnsi" w:hAnsiTheme="minorHAnsi"/>
          <w:b/>
          <w:bCs/>
        </w:rPr>
        <w:t>Oplysning om institutionen:</w:t>
      </w: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240" w:lineRule="auto"/>
        <w:jc w:val="both"/>
        <w:rPr>
          <w:rFonts w:asciiTheme="minorHAnsi" w:hAnsiTheme="minorHAnsi"/>
          <w:b/>
          <w:bCs/>
        </w:rPr>
      </w:pP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</w:rPr>
      </w:pPr>
      <w:r w:rsidRPr="00F9138C">
        <w:rPr>
          <w:rFonts w:asciiTheme="minorHAnsi" w:hAnsiTheme="minorHAnsi" w:cs="Arial"/>
        </w:rPr>
        <w:t>Institutionsnummer:</w:t>
      </w: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</w:rPr>
      </w:pPr>
      <w:r w:rsidRPr="00F9138C">
        <w:rPr>
          <w:rFonts w:asciiTheme="minorHAnsi" w:hAnsiTheme="minorHAnsi" w:cs="Arial"/>
        </w:rPr>
        <w:t>Institutionsnavn:</w:t>
      </w:r>
    </w:p>
    <w:p w:rsidR="00F9138C" w:rsidRPr="005704AD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  <w:lang w:val="en-US"/>
        </w:rPr>
      </w:pPr>
      <w:proofErr w:type="spellStart"/>
      <w:r w:rsidRPr="005704AD">
        <w:rPr>
          <w:rFonts w:asciiTheme="minorHAnsi" w:hAnsiTheme="minorHAnsi" w:cs="Arial"/>
          <w:lang w:val="en-US"/>
        </w:rPr>
        <w:t>Adresse</w:t>
      </w:r>
      <w:proofErr w:type="spellEnd"/>
      <w:r w:rsidRPr="005704AD">
        <w:rPr>
          <w:rFonts w:asciiTheme="minorHAnsi" w:hAnsiTheme="minorHAnsi" w:cs="Arial"/>
          <w:lang w:val="en-US"/>
        </w:rPr>
        <w:t>:</w:t>
      </w:r>
    </w:p>
    <w:p w:rsidR="00F9138C" w:rsidRPr="005704AD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tabs>
          <w:tab w:val="left" w:pos="6237"/>
        </w:tabs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  <w:lang w:val="en-US"/>
        </w:rPr>
      </w:pPr>
      <w:proofErr w:type="spellStart"/>
      <w:proofErr w:type="gramStart"/>
      <w:r w:rsidRPr="005704AD">
        <w:rPr>
          <w:rFonts w:asciiTheme="minorHAnsi" w:hAnsiTheme="minorHAnsi" w:cs="Arial"/>
          <w:lang w:val="en-US"/>
        </w:rPr>
        <w:t>Postnr</w:t>
      </w:r>
      <w:proofErr w:type="spellEnd"/>
      <w:r w:rsidRPr="005704AD">
        <w:rPr>
          <w:rFonts w:asciiTheme="minorHAnsi" w:hAnsiTheme="minorHAnsi" w:cs="Arial"/>
          <w:lang w:val="en-US"/>
        </w:rPr>
        <w:t>.:</w:t>
      </w:r>
      <w:bookmarkStart w:id="0" w:name="_GoBack"/>
      <w:bookmarkEnd w:id="0"/>
      <w:proofErr w:type="gramEnd"/>
    </w:p>
    <w:p w:rsidR="00F9138C" w:rsidRPr="005704AD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  <w:lang w:val="en-US"/>
        </w:rPr>
      </w:pPr>
      <w:r w:rsidRPr="005704AD">
        <w:rPr>
          <w:rFonts w:asciiTheme="minorHAnsi" w:hAnsiTheme="minorHAnsi" w:cs="Arial"/>
          <w:lang w:val="en-US"/>
        </w:rPr>
        <w:t>By:</w:t>
      </w: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tabs>
          <w:tab w:val="left" w:pos="6237"/>
        </w:tabs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  <w:lang w:val="en-US"/>
        </w:rPr>
      </w:pPr>
      <w:proofErr w:type="spellStart"/>
      <w:r w:rsidRPr="00F9138C">
        <w:rPr>
          <w:rFonts w:asciiTheme="minorHAnsi" w:hAnsiTheme="minorHAnsi" w:cs="Arial"/>
          <w:lang w:val="en-US"/>
        </w:rPr>
        <w:t>Tlf</w:t>
      </w:r>
      <w:proofErr w:type="spellEnd"/>
      <w:r w:rsidRPr="00F9138C">
        <w:rPr>
          <w:rFonts w:asciiTheme="minorHAnsi" w:hAnsiTheme="minorHAnsi" w:cs="Arial"/>
          <w:lang w:val="en-US"/>
        </w:rPr>
        <w:t xml:space="preserve">. </w:t>
      </w:r>
      <w:proofErr w:type="spellStart"/>
      <w:proofErr w:type="gramStart"/>
      <w:r w:rsidRPr="00F9138C">
        <w:rPr>
          <w:rFonts w:asciiTheme="minorHAnsi" w:hAnsiTheme="minorHAnsi" w:cs="Arial"/>
          <w:lang w:val="en-US"/>
        </w:rPr>
        <w:t>nr</w:t>
      </w:r>
      <w:proofErr w:type="spellEnd"/>
      <w:r w:rsidRPr="00F9138C">
        <w:rPr>
          <w:rFonts w:asciiTheme="minorHAnsi" w:hAnsiTheme="minorHAnsi" w:cs="Arial"/>
          <w:lang w:val="en-US"/>
        </w:rPr>
        <w:t>.:</w:t>
      </w:r>
      <w:proofErr w:type="gramEnd"/>
    </w:p>
    <w:p w:rsidR="00F9138C" w:rsidRPr="005704AD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360" w:lineRule="auto"/>
        <w:jc w:val="both"/>
        <w:rPr>
          <w:rFonts w:asciiTheme="minorHAnsi" w:hAnsiTheme="minorHAnsi"/>
          <w:lang w:val="en-US"/>
        </w:rPr>
      </w:pPr>
      <w:r w:rsidRPr="005704AD">
        <w:rPr>
          <w:rFonts w:asciiTheme="minorHAnsi" w:hAnsiTheme="minorHAnsi" w:cs="Arial"/>
          <w:lang w:val="en-US"/>
        </w:rPr>
        <w:t>E-mail:</w:t>
      </w: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240" w:lineRule="auto"/>
        <w:jc w:val="both"/>
        <w:rPr>
          <w:rFonts w:asciiTheme="minorHAnsi" w:hAnsiTheme="minorHAnsi"/>
          <w:b/>
          <w:bCs/>
          <w:bdr w:val="single" w:sz="4" w:space="0" w:color="auto"/>
        </w:rPr>
      </w:pPr>
      <w:r w:rsidRPr="00F9138C">
        <w:rPr>
          <w:rFonts w:asciiTheme="minorHAnsi" w:hAnsiTheme="minorHAnsi"/>
          <w:b/>
          <w:bCs/>
          <w:noProof/>
          <w:lang w:eastAsia="da-DK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>
                <wp:simplePos x="0" y="0"/>
                <wp:positionH relativeFrom="column">
                  <wp:posOffset>835660</wp:posOffset>
                </wp:positionH>
                <wp:positionV relativeFrom="paragraph">
                  <wp:posOffset>206620</wp:posOffset>
                </wp:positionV>
                <wp:extent cx="160020" cy="125730"/>
                <wp:effectExtent l="0" t="0" r="11430" b="26670"/>
                <wp:wrapNone/>
                <wp:docPr id="5" name="Tekstfelt 5" descr="#Decorative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60020" cy="12573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F9138C" w:rsidRDefault="00F9138C" w:rsidP="00F9138C"/>
                          <w:p w:rsidR="00F9138C" w:rsidRDefault="00F9138C" w:rsidP="00F9138C"/>
                        </w:txbxContent>
                      </wps:txbx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>
            <w:pict>
              <v:shapetype id="_x0000_t202" coordsize="21600,21600" o:spt="202" path="m,l,21600r21600,l21600,xe">
                <v:stroke joinstyle="miter"/>
                <v:path gradientshapeok="t" o:connecttype="rect"/>
              </v:shapetype>
              <v:shape id="Tekstfelt 5" o:spid="_x0000_s1026" type="#_x0000_t202" alt="#Decorative" style="position:absolute;left:0;text-align:left;margin-left:65.8pt;margin-top:16.25pt;width:12.6pt;height:9.9pt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">
                <v:textbox>
                  <w:txbxContent>
                    <w:p w:rsidR="00F9138C" w:rsidRDefault="00F9138C" w:rsidP="00F9138C"/>
                    <w:p w:rsidR="00F9138C" w:rsidRDefault="00F9138C" w:rsidP="00F9138C"/>
                  </w:txbxContent>
                </v:textbox>
              </v:shape>
            </w:pict>
          </mc:Fallback>
        </mc:AlternateContent>
      </w:r>
      <w:r w:rsidRPr="00F9138C">
        <w:rPr>
          <w:rFonts w:asciiTheme="minorHAnsi" w:hAnsiTheme="minorHAnsi"/>
          <w:b/>
          <w:bCs/>
          <w:noProof/>
          <w:lang w:eastAsia="da-DK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>
                <wp:simplePos x="0" y="0"/>
                <wp:positionH relativeFrom="column">
                  <wp:posOffset>1736578</wp:posOffset>
                </wp:positionH>
                <wp:positionV relativeFrom="paragraph">
                  <wp:posOffset>22225</wp:posOffset>
                </wp:positionV>
                <wp:extent cx="160020" cy="125730"/>
                <wp:effectExtent l="0" t="0" r="11430" b="26670"/>
                <wp:wrapNone/>
                <wp:docPr id="2" name="Tekstfelt 2" descr="#Decorative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60020" cy="12573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F9138C" w:rsidRDefault="00F9138C" w:rsidP="00F9138C"/>
                        </w:txbxContent>
                      </wps:txbx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>
            <w:pict>
              <v:shape id="Tekstfelt 2" o:spid="_x0000_s1027" type="#_x0000_t202" alt="#Decorative" style="position:absolute;left:0;text-align:left;margin-left:136.75pt;margin-top:1.75pt;width:12.6pt;height:9.9pt;z-index:25166028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">
                <v:textbox>
                  <w:txbxContent>
                    <w:p w:rsidR="00F9138C" w:rsidRDefault="00F9138C" w:rsidP="00F9138C"/>
                  </w:txbxContent>
                </v:textbox>
              </v:shape>
            </w:pict>
          </mc:Fallback>
        </mc:AlternateContent>
      </w:r>
      <w:r w:rsidRPr="00F9138C">
        <w:rPr>
          <w:rFonts w:asciiTheme="minorHAnsi" w:hAnsiTheme="minorHAnsi"/>
          <w:b/>
          <w:bCs/>
          <w:noProof/>
          <w:lang w:eastAsia="da-DK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>
                <wp:simplePos x="0" y="0"/>
                <wp:positionH relativeFrom="page">
                  <wp:align>center</wp:align>
                </wp:positionH>
                <wp:positionV relativeFrom="paragraph">
                  <wp:posOffset>22225</wp:posOffset>
                </wp:positionV>
                <wp:extent cx="160020" cy="125730"/>
                <wp:effectExtent l="0" t="0" r="11430" b="26670"/>
                <wp:wrapNone/>
                <wp:docPr id="4" name="Tekstfelt 4" descr="#Decorative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60020" cy="12573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F9138C" w:rsidRDefault="00F9138C" w:rsidP="00F9138C"/>
                          <w:p w:rsidR="00F9138C" w:rsidRDefault="00F9138C" w:rsidP="00F9138C"/>
                        </w:txbxContent>
                      </wps:txbx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>
            <w:pict>
              <v:shape id="Tekstfelt 4" o:spid="_x0000_s1028" type="#_x0000_t202" alt="#Decorative" style="position:absolute;left:0;text-align:left;margin-left:0;margin-top:1.75pt;width:12.6pt;height:9.9pt;z-index:251659264;visibility:visible;mso-wrap-style:square;mso-width-percent:0;mso-height-percent:0;mso-wrap-distance-left:9pt;mso-wrap-distance-top:0;mso-wrap-distance-right:9pt;mso-wrap-distance-bottom:0;mso-position-horizontal:center;mso-position-horizontal-relative:page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">
                <v:textbox>
                  <w:txbxContent>
                    <w:p w:rsidR="00F9138C" w:rsidRDefault="00F9138C" w:rsidP="00F9138C"/>
                    <w:p w:rsidR="00F9138C" w:rsidRDefault="00F9138C" w:rsidP="00F9138C"/>
                  </w:txbxContent>
                </v:textbox>
                <w10:wrap anchorx="page"/>
              </v:shape>
            </w:pict>
          </mc:Fallback>
        </mc:AlternateContent>
      </w:r>
      <w:r w:rsidRPr="00F9138C">
        <w:rPr>
          <w:rFonts w:asciiTheme="minorHAnsi" w:hAnsiTheme="minorHAnsi"/>
          <w:b/>
          <w:bCs/>
        </w:rPr>
        <w:t xml:space="preserve">Oplysning om: revisorvalg     </w:t>
      </w:r>
      <w:r w:rsidRPr="00F9138C">
        <w:rPr>
          <w:rFonts w:asciiTheme="minorHAnsi" w:hAnsiTheme="minorHAnsi"/>
          <w:b/>
          <w:bCs/>
          <w:iCs/>
        </w:rPr>
        <w:t>/</w:t>
      </w:r>
      <w:r w:rsidRPr="00F9138C">
        <w:rPr>
          <w:rFonts w:asciiTheme="minorHAnsi" w:hAnsiTheme="minorHAnsi"/>
          <w:b/>
          <w:bCs/>
        </w:rPr>
        <w:t xml:space="preserve">revisorskift </w:t>
      </w:r>
      <w:r w:rsidRPr="00F9138C">
        <w:rPr>
          <w:rFonts w:asciiTheme="minorHAnsi" w:hAnsiTheme="minorHAnsi"/>
        </w:rPr>
        <w:t xml:space="preserve">     </w:t>
      </w:r>
      <w:r w:rsidRPr="00F9138C">
        <w:rPr>
          <w:rFonts w:asciiTheme="minorHAnsi" w:hAnsiTheme="minorHAnsi"/>
          <w:b/>
          <w:bCs/>
          <w:iCs/>
        </w:rPr>
        <w:t>/</w:t>
      </w:r>
      <w:r w:rsidRPr="00F9138C">
        <w:rPr>
          <w:rFonts w:asciiTheme="minorHAnsi" w:hAnsiTheme="minorHAnsi"/>
          <w:b/>
        </w:rPr>
        <w:t xml:space="preserve">ændring af revisoradresse mv.      </w:t>
      </w: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240" w:lineRule="auto"/>
        <w:jc w:val="both"/>
        <w:rPr>
          <w:rFonts w:asciiTheme="minorHAnsi" w:hAnsiTheme="minorHAnsi"/>
        </w:rPr>
      </w:pP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</w:rPr>
      </w:pPr>
      <w:r w:rsidRPr="00F9138C">
        <w:rPr>
          <w:rFonts w:asciiTheme="minorHAnsi" w:hAnsiTheme="minorHAnsi" w:cs="Arial"/>
        </w:rPr>
        <w:t xml:space="preserve">Revisorfirma: </w:t>
      </w: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</w:rPr>
      </w:pPr>
      <w:r w:rsidRPr="00F9138C">
        <w:rPr>
          <w:rFonts w:asciiTheme="minorHAnsi" w:hAnsiTheme="minorHAnsi" w:cs="Arial"/>
        </w:rPr>
        <w:t xml:space="preserve">Kontoradresse: </w:t>
      </w: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</w:rPr>
      </w:pPr>
      <w:r w:rsidRPr="00F9138C">
        <w:rPr>
          <w:rFonts w:asciiTheme="minorHAnsi" w:hAnsiTheme="minorHAnsi" w:cs="Arial"/>
        </w:rPr>
        <w:t xml:space="preserve">Postnr.: </w:t>
      </w: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</w:rPr>
      </w:pPr>
      <w:r w:rsidRPr="00F9138C">
        <w:rPr>
          <w:rFonts w:asciiTheme="minorHAnsi" w:hAnsiTheme="minorHAnsi" w:cs="Arial"/>
        </w:rPr>
        <w:t>By:</w:t>
      </w: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</w:rPr>
      </w:pPr>
      <w:r w:rsidRPr="00F9138C">
        <w:rPr>
          <w:rFonts w:asciiTheme="minorHAnsi" w:hAnsiTheme="minorHAnsi" w:cs="Arial"/>
        </w:rPr>
        <w:t xml:space="preserve">Tlf. nr.: </w:t>
      </w:r>
    </w:p>
    <w:p w:rsidR="00F9138C" w:rsidRPr="005704AD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360" w:lineRule="auto"/>
        <w:jc w:val="both"/>
        <w:rPr>
          <w:rFonts w:asciiTheme="minorHAnsi" w:hAnsiTheme="minorHAnsi" w:cs="Arial"/>
        </w:rPr>
      </w:pPr>
      <w:r w:rsidRPr="005704AD">
        <w:rPr>
          <w:rFonts w:asciiTheme="minorHAnsi" w:hAnsiTheme="minorHAnsi" w:cs="Arial"/>
        </w:rPr>
        <w:t xml:space="preserve">E-mail: </w:t>
      </w:r>
    </w:p>
    <w:p w:rsidR="00F9138C" w:rsidRPr="00F9138C" w:rsidRDefault="00F9138C" w:rsidP="00F9138C">
      <w:pPr>
        <w:pBdr>
          <w:top w:val="single" w:sz="4" w:space="12" w:color="auto"/>
          <w:left w:val="single" w:sz="4" w:space="2" w:color="auto"/>
          <w:bottom w:val="single" w:sz="4" w:space="1" w:color="auto"/>
          <w:right w:val="single" w:sz="4" w:space="4" w:color="auto"/>
        </w:pBdr>
        <w:autoSpaceDE w:val="0"/>
        <w:autoSpaceDN w:val="0"/>
        <w:adjustRightInd w:val="0"/>
        <w:spacing w:line="240" w:lineRule="auto"/>
        <w:jc w:val="both"/>
        <w:rPr>
          <w:rFonts w:asciiTheme="minorHAnsi" w:hAnsiTheme="minorHAnsi"/>
          <w:b/>
          <w:vertAlign w:val="subscript"/>
        </w:rPr>
      </w:pPr>
      <w:r w:rsidRPr="00F9138C">
        <w:rPr>
          <w:rFonts w:asciiTheme="minorHAnsi" w:hAnsiTheme="minorHAnsi"/>
          <w:b/>
        </w:rPr>
        <w:t>Valg af revisor /revisorskift mv. har virkning fra (dato):</w:t>
      </w:r>
    </w:p>
    <w:p w:rsidR="00F9138C" w:rsidRDefault="00F9138C" w:rsidP="00F9138C">
      <w:pPr>
        <w:pStyle w:val="Sidefod"/>
        <w:pBdr>
          <w:bottom w:val="single" w:sz="12" w:space="1" w:color="auto"/>
        </w:pBdr>
        <w:tabs>
          <w:tab w:val="clear" w:pos="4819"/>
          <w:tab w:val="clear" w:pos="9638"/>
          <w:tab w:val="left" w:pos="3960"/>
          <w:tab w:val="left" w:pos="4860"/>
          <w:tab w:val="left" w:pos="10080"/>
        </w:tabs>
        <w:spacing w:line="240" w:lineRule="auto"/>
        <w:rPr>
          <w:rFonts w:ascii="Arial" w:hAnsi="Arial" w:cs="Arial"/>
          <w:sz w:val="24"/>
        </w:rPr>
      </w:pPr>
    </w:p>
    <w:p w:rsidR="00F9138C" w:rsidRPr="00F9138C" w:rsidRDefault="00F9138C" w:rsidP="00F9138C">
      <w:pPr>
        <w:pStyle w:val="Sidefod"/>
        <w:pBdr>
          <w:bottom w:val="single" w:sz="12" w:space="1" w:color="auto"/>
        </w:pBdr>
        <w:tabs>
          <w:tab w:val="clear" w:pos="4819"/>
          <w:tab w:val="clear" w:pos="9638"/>
          <w:tab w:val="left" w:pos="3960"/>
          <w:tab w:val="left" w:pos="4860"/>
          <w:tab w:val="left" w:pos="10080"/>
        </w:tabs>
        <w:spacing w:line="240" w:lineRule="auto"/>
        <w:rPr>
          <w:rFonts w:ascii="Arial" w:hAnsi="Arial" w:cs="Arial"/>
          <w:sz w:val="24"/>
        </w:rPr>
      </w:pPr>
    </w:p>
    <w:p w:rsidR="000D60B1" w:rsidRPr="005809B2" w:rsidRDefault="00F9138C" w:rsidP="005809B2">
      <w:pPr>
        <w:pStyle w:val="Sidefod"/>
        <w:tabs>
          <w:tab w:val="clear" w:pos="4819"/>
          <w:tab w:val="clear" w:pos="9638"/>
          <w:tab w:val="left" w:pos="3960"/>
          <w:tab w:val="left" w:pos="4860"/>
          <w:tab w:val="left" w:pos="10080"/>
        </w:tabs>
        <w:spacing w:line="240" w:lineRule="auto"/>
        <w:rPr>
          <w:sz w:val="24"/>
        </w:rPr>
      </w:pPr>
      <w:r w:rsidRPr="00F9138C">
        <w:rPr>
          <w:sz w:val="24"/>
        </w:rPr>
        <w:t>Dato</w:t>
      </w:r>
      <w:r w:rsidRPr="00F9138C">
        <w:rPr>
          <w:rFonts w:ascii="Arial" w:hAnsi="Arial" w:cs="Arial"/>
          <w:sz w:val="24"/>
          <w:vertAlign w:val="superscript"/>
        </w:rPr>
        <w:tab/>
      </w:r>
      <w:r w:rsidRPr="00F9138C">
        <w:rPr>
          <w:sz w:val="24"/>
        </w:rPr>
        <w:t>Skoleleders underskrift</w:t>
      </w:r>
    </w:p>
    <w:sectPr w:rsidR="000D60B1" w:rsidRPr="005809B2" w:rsidSect="005B1401">
      <w:footerReference w:type="default" r:id="rId10"/>
      <w:headerReference w:type="first" r:id="rId11"/>
      <w:pgSz w:w="11906" w:h="16838" w:code="9"/>
      <w:pgMar w:top="1384" w:right="3686" w:bottom="1077" w:left="1418" w:header="567" w:footer="58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1074D1" w:rsidRDefault="001074D1" w:rsidP="009E4B94">
      <w:pPr>
        <w:spacing w:line="240" w:lineRule="auto"/>
      </w:pPr>
      <w:r>
        <w:separator/>
      </w:r>
    </w:p>
  </w:endnote>
  <w:endnote w:type="continuationSeparator" w:id="0">
    <w:p w:rsidR="001074D1" w:rsidRDefault="001074D1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ndara">
    <w:panose1 w:val="020E0502030303020204"/>
    <w:charset w:val="00"/>
    <w:family w:val="swiss"/>
    <w:pitch w:val="variable"/>
    <w:sig w:usb0="A00002EF" w:usb1="4000A44B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681D83" w:rsidRPr="00681D83" w:rsidRDefault="003A46D5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666DA8FC" wp14:editId="78DCC305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095375" cy="546735"/>
              <wp:effectExtent l="0" t="0" r="0" b="5715"/>
              <wp:wrapNone/>
              <wp:docPr id="3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95375" cy="5461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:rsidR="003A46D5" w:rsidRDefault="003A46D5" w:rsidP="003A46D5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 w:rsidR="005809B2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66DA8FC" id="_x0000_t202" coordsize="21600,21600" o:spt="202" path="m,l,21600r21600,l21600,xe">
              <v:stroke joinstyle="miter"/>
              <v:path gradientshapeok="t" o:connecttype="rect"/>
            </v:shapetype>
            <v:shape id="Pageno_2" o:spid="_x0000_s1029" type="#_x0000_t202" style="position:absolute;margin-left:35.05pt;margin-top:0;width:86.25pt;height:43.0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" filled="f" stroked="f" strokeweight=".5pt">
              <v:textbox inset="0,0,20mm,0">
                <w:txbxContent>
                  <w:p w:rsidR="003A46D5" w:rsidRDefault="003A46D5" w:rsidP="003A46D5">
                    <w:pPr>
                      <w:jc w:val="right"/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PAGE  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 w:rsidR="005809B2">
                      <w:rPr>
                        <w:rStyle w:val="Sidetal"/>
                        <w:noProof/>
                      </w:rPr>
                      <w:t>2</w:t>
                    </w:r>
                    <w:r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1074D1" w:rsidRDefault="001074D1" w:rsidP="009E4B94">
      <w:pPr>
        <w:spacing w:line="240" w:lineRule="auto"/>
      </w:pPr>
      <w:r>
        <w:separator/>
      </w:r>
    </w:p>
  </w:footnote>
  <w:footnote w:type="continuationSeparator" w:id="0">
    <w:p w:rsidR="001074D1" w:rsidRDefault="001074D1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979B6" w:rsidRDefault="003979B6" w:rsidP="00401F14">
    <w:pPr>
      <w:pStyle w:val="Sidehoved"/>
    </w:pPr>
  </w:p>
  <w:p w:rsidR="003979B6" w:rsidRDefault="003979B6" w:rsidP="00401F14">
    <w:pPr>
      <w:pStyle w:val="Sidehoved"/>
    </w:pPr>
  </w:p>
  <w:p w:rsidR="003979B6" w:rsidRDefault="003979B6" w:rsidP="00401F14">
    <w:pPr>
      <w:pStyle w:val="Sidehoved"/>
    </w:pPr>
  </w:p>
  <w:p w:rsidR="003979B6" w:rsidRDefault="003979B6" w:rsidP="00401F14">
    <w:pPr>
      <w:pStyle w:val="Sidehoved"/>
    </w:pPr>
  </w:p>
  <w:p w:rsidR="003979B6" w:rsidRDefault="003979B6" w:rsidP="00401F14">
    <w:pPr>
      <w:pStyle w:val="Sidehoved"/>
    </w:pPr>
  </w:p>
  <w:p w:rsidR="00401F14" w:rsidRDefault="00401F14" w:rsidP="00401F14">
    <w:pPr>
      <w:pStyle w:val="Sidehoved"/>
    </w:pPr>
  </w:p>
  <w:p w:rsidR="008F4D20" w:rsidRPr="00401F14" w:rsidRDefault="00115C8F" w:rsidP="00401F14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3C828F62" wp14:editId="3CD0C583">
              <wp:simplePos x="0" y="0"/>
              <wp:positionH relativeFrom="page">
                <wp:posOffset>5695950</wp:posOffset>
              </wp:positionH>
              <wp:positionV relativeFrom="page">
                <wp:posOffset>1620520</wp:posOffset>
              </wp:positionV>
              <wp:extent cx="1512000" cy="3276000"/>
              <wp:effectExtent l="0" t="0" r="12065" b="635"/>
              <wp:wrapNone/>
              <wp:docPr id="1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512000" cy="327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352"/>
                          </w:tblGrid>
                          <w:tr w:rsidR="00401F14" w:rsidRPr="005809B2" w:rsidTr="0013361D">
                            <w:trPr>
                              <w:trHeight w:val="2740"/>
                            </w:trPr>
                            <w:tc>
                              <w:tcPr>
                                <w:tcW w:w="2352" w:type="dxa"/>
                              </w:tcPr>
                              <w:sdt>
                                <w:sdtPr>
                                  <w:alias w:val="Myndighed"/>
                                  <w:tag w:val="{&quot;templafy&quot;:{&quot;id&quot;:&quot;8b05e5d5-316c-42f1-b591-a874de2dcd7e&quot;}}"/>
                                  <w:id w:val="-606734970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0D60B1" w:rsidRDefault="00F8793A">
                                    <w:pPr>
                                      <w:pStyle w:val="Template-Department"/>
                                    </w:pPr>
                                    <w:r>
                                      <w:t>Styrelsen for Undervisning og Kvalitet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DepartmentLocal"/>
                                  <w:tag w:val="{&quot;templafy&quot;:{&quot;id&quot;:&quot;abd6582b-fec0-47fa-8435-ee73693d2e2e&quot;}}"/>
                                  <w:id w:val="-443455153"/>
                                  <w:placeholder>
                                    <w:docPart w:val="42D5209B0A9C49A891BC02F2659DD098"/>
                                  </w:placeholder>
                                </w:sdtPr>
                                <w:sdtEndPr/>
                                <w:sdtContent>
                                  <w:p w:rsidR="000D60B1" w:rsidRDefault="00F8793A">
                                    <w:pPr>
                                      <w:pStyle w:val="Template-Department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Address"/>
                                  <w:tag w:val="{&quot;templafy&quot;:{&quot;id&quot;:&quot;e7f09f54-a691-43db-93ca-fc9370d0bfde&quot;}}"/>
                                  <w:id w:val="481437294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0D60B1" w:rsidRDefault="00F8793A">
                                    <w:pPr>
                                      <w:pStyle w:val="Template-Adresse"/>
                                    </w:pPr>
                                    <w:r>
                                      <w:t>Teglholmsgade 1</w:t>
                                    </w:r>
                                  </w:p>
                                  <w:p w:rsidR="000D60B1" w:rsidRDefault="00F8793A">
                                    <w:pPr>
                                      <w:pStyle w:val="Template-Adresse"/>
                                    </w:pPr>
                                    <w:r>
                                      <w:t>2450 Kbh. SV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e5b2f298-cc4a-4e9d-b082-bbf4f1c9e1bb&quot;}}"/>
                                  <w:id w:val="-201631515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720B89" w:rsidRPr="0073534F" w:rsidRDefault="001074D1" w:rsidP="00720B89">
                                    <w:pPr>
                                      <w:pStyle w:val="Template-Adresse"/>
                                    </w:pPr>
                                    <w:sdt>
                                      <w:sdtPr>
                                        <w:alias w:val="Phone"/>
                                        <w:tag w:val="{&quot;templafy&quot;:{&quot;id&quot;:&quot;63c4f437-0fc2-4d23-a128-a57ff4497069&quot;}}"/>
                                        <w:id w:val="-1027801535"/>
                                        <w:placeholder>
                                          <w:docPart w:val="5AF146EF26D248958E9C88BB72D5C1D1"/>
                                        </w:placeholder>
                                      </w:sdtPr>
                                      <w:sdtEndPr/>
                                      <w:sdtContent>
                                        <w:r w:rsidR="004C19F2">
                                          <w:t>Tlf. nr.</w:t>
                                        </w:r>
                                      </w:sdtContent>
                                    </w:sdt>
                                    <w:r w:rsidR="00720B89" w:rsidRPr="0073534F">
                                      <w:t xml:space="preserve">.: </w:t>
                                    </w:r>
                                    <w:sdt>
                                      <w:sdtPr>
                                        <w:alias w:val="Phone"/>
                                        <w:tag w:val="{&quot;templafy&quot;:{&quot;id&quot;:&quot;aea10113-7844-4e1c-ba0b-29a2b84a41df&quot;}}"/>
                                        <w:id w:val="174692284"/>
                                        <w:placeholder>
                                          <w:docPart w:val="6A5519F527204574B8C11095B825B060"/>
                                        </w:placeholder>
                                      </w:sdtPr>
                                      <w:sdtEndPr/>
                                      <w:sdtContent>
                                        <w:r w:rsidR="004C19F2">
                                          <w:t>+45 33 92 50 0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8bee4019-1bc2-4d28-9b55-f4b174b99bbb&quot;}}"/>
                                  <w:id w:val="842140210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720B89" w:rsidRPr="00F9138C" w:rsidRDefault="001074D1" w:rsidP="00720B89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sdt>
                                      <w:sdtPr>
                                        <w:alias w:val="Email"/>
                                        <w:tag w:val="{&quot;templafy&quot;:{&quot;id&quot;:&quot;be397e5b-6696-4a57-9ae8-f4252fe3ed8d&quot;}}"/>
                                        <w:id w:val="-1663534479"/>
                                        <w:placeholder>
                                          <w:docPart w:val="5AF146EF26D248958E9C88BB72D5C1D1"/>
                                        </w:placeholder>
                                      </w:sdtPr>
                                      <w:sdtEndPr/>
                                      <w:sdtContent>
                                        <w:r w:rsidR="004C19F2" w:rsidRPr="00F9138C">
                                          <w:rPr>
                                            <w:lang w:val="en-US"/>
                                          </w:rPr>
                                          <w:t>E-mail</w:t>
                                        </w:r>
                                      </w:sdtContent>
                                    </w:sdt>
                                    <w:r w:rsidR="00720B89" w:rsidRPr="00F9138C">
                                      <w:rPr>
                                        <w:lang w:val="en-US"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alias w:val="UserProfile.Office.Email"/>
                                        <w:tag w:val="{&quot;templafy&quot;:{&quot;id&quot;:&quot;d998f448-bc2a-4018-ab19-4c9f421dfe80&quot;}}"/>
                                        <w:id w:val="1128514506"/>
                                        <w:placeholder>
                                          <w:docPart w:val="DB216610F2AE456EA02E47663FF0F998"/>
                                        </w:placeholder>
                                      </w:sdtPr>
                                      <w:sdtEndPr/>
                                      <w:sdtContent>
                                        <w:r w:rsidR="004C19F2" w:rsidRPr="00F9138C">
                                          <w:rPr>
                                            <w:lang w:val="en-US"/>
                                          </w:rPr>
                                          <w:t>stuk@stukuvm.dk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Web"/>
                                  <w:tag w:val="{&quot;templafy&quot;:{&quot;id&quot;:&quot;2e1f3e4d-7cde-485b-9693-d3803c316108&quot;}}"/>
                                  <w:id w:val="372441621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0D60B1" w:rsidRPr="00F9138C" w:rsidRDefault="00F8793A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r w:rsidRPr="00F9138C">
                                      <w:rPr>
                                        <w:lang w:val="en-US"/>
                                      </w:rPr>
                                      <w:t>www.stukuvm.dk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55c6cf12-1bf9-4450-b10a-bf98f2b01a9e&quot;}}"/>
                                  <w:id w:val="-714509226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720B89" w:rsidRPr="00F9138C" w:rsidRDefault="001074D1" w:rsidP="00720B89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sdt>
                                      <w:sdtPr>
                                        <w:alias w:val="CVR"/>
                                        <w:tag w:val="{&quot;templafy&quot;:{&quot;id&quot;:&quot;c3bd1c61-6691-4173-85a3-a71bfabd5f4a&quot;}}"/>
                                        <w:id w:val="-1139572359"/>
                                        <w:placeholder>
                                          <w:docPart w:val="5AF146EF26D248958E9C88BB72D5C1D1"/>
                                        </w:placeholder>
                                      </w:sdtPr>
                                      <w:sdtEndPr/>
                                      <w:sdtContent>
                                        <w:r w:rsidR="004C19F2" w:rsidRPr="00F9138C">
                                          <w:rPr>
                                            <w:lang w:val="en-US"/>
                                          </w:rPr>
                                          <w:t>CVR-nr.</w:t>
                                        </w:r>
                                      </w:sdtContent>
                                    </w:sdt>
                                    <w:r w:rsidR="00720B89" w:rsidRPr="00F9138C">
                                      <w:rPr>
                                        <w:lang w:val="en-US"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alias w:val="Cvr"/>
                                        <w:tag w:val="{&quot;templafy&quot;:{&quot;id&quot;:&quot;ec0ff665-0412-4877-afb2-633de63c4864&quot;}}"/>
                                        <w:id w:val="1843966640"/>
                                        <w:placeholder>
                                          <w:docPart w:val="10824624C4DE456EBEA7FD410E516213"/>
                                        </w:placeholder>
                                      </w:sdtPr>
                                      <w:sdtEndPr/>
                                      <w:sdtContent>
                                        <w:r w:rsidR="004C19F2" w:rsidRPr="00F9138C">
                                          <w:rPr>
                                            <w:lang w:val="en-US"/>
                                          </w:rPr>
                                          <w:t>2963475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  <w:tr w:rsidR="00115C8F" w:rsidRPr="005809B2" w:rsidTr="00F73162">
                            <w:trPr>
                              <w:trHeight w:val="2042"/>
                            </w:trPr>
                            <w:tc>
                              <w:tcPr>
                                <w:tcW w:w="2352" w:type="dxa"/>
                              </w:tcPr>
                              <w:p w:rsidR="00AB35DB" w:rsidRPr="005704AD" w:rsidRDefault="00AB35DB" w:rsidP="00F9138C">
                                <w:pPr>
                                  <w:pStyle w:val="Template-Department"/>
                                  <w:rPr>
                                    <w:lang w:val="en-US"/>
                                  </w:rPr>
                                </w:pPr>
                              </w:p>
                            </w:tc>
                          </w:tr>
                        </w:tbl>
                        <w:p w:rsidR="00401F14" w:rsidRPr="005704AD" w:rsidRDefault="00401F14" w:rsidP="00401F14">
                          <w:pPr>
                            <w:pStyle w:val="Template-Adresse"/>
                            <w:rPr>
                              <w:lang w:val="en-US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C828F62" id="_x0000_t202" coordsize="21600,21600" o:spt="202" path="m,l,21600r21600,l21600,xe">
              <v:stroke joinstyle="miter"/>
              <v:path gradientshapeok="t" o:connecttype="rect"/>
            </v:shapetype>
            <v:shape id="Address" o:spid="_x0000_s1030" type="#_x0000_t202" style="position:absolute;margin-left:448.5pt;margin-top:127.6pt;width:119.05pt;height:257.95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" filled="f" stroked="f" strokeweight=".5pt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352"/>
                    </w:tblGrid>
                    <w:tr w:rsidR="00401F14" w:rsidRPr="005809B2" w:rsidTr="0013361D">
                      <w:trPr>
                        <w:trHeight w:val="2740"/>
                      </w:trPr>
                      <w:tc>
                        <w:tcPr>
                          <w:tcW w:w="2352" w:type="dxa"/>
                        </w:tcPr>
                        <w:sdt>
                          <w:sdtPr>
                            <w:alias w:val="Myndighed"/>
                            <w:tag w:val="{&quot;templafy&quot;:{&quot;id&quot;:&quot;8b05e5d5-316c-42f1-b591-a874de2dcd7e&quot;}}"/>
                            <w:id w:val="-606734970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0D60B1" w:rsidRDefault="00F8793A">
                              <w:pPr>
                                <w:pStyle w:val="Template-Department"/>
                              </w:pPr>
                              <w:r>
                                <w:t>Styrelsen for Undervisning og Kvalitet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DepartmentLocal"/>
                            <w:tag w:val="{&quot;templafy&quot;:{&quot;id&quot;:&quot;abd6582b-fec0-47fa-8435-ee73693d2e2e&quot;}}"/>
                            <w:id w:val="-443455153"/>
                            <w:placeholder>
                              <w:docPart w:val="42D5209B0A9C49A891BC02F2659DD098"/>
                            </w:placeholder>
                          </w:sdtPr>
                          <w:sdtEndPr/>
                          <w:sdtContent>
                            <w:p w:rsidR="000D60B1" w:rsidRDefault="00F8793A">
                              <w:pPr>
                                <w:pStyle w:val="Template-Department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alias w:val="Address"/>
                            <w:tag w:val="{&quot;templafy&quot;:{&quot;id&quot;:&quot;e7f09f54-a691-43db-93ca-fc9370d0bfde&quot;}}"/>
                            <w:id w:val="481437294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0D60B1" w:rsidRDefault="00F8793A">
                              <w:pPr>
                                <w:pStyle w:val="Template-Adresse"/>
                              </w:pPr>
                              <w:r>
                                <w:t>Teglholmsgade 1</w:t>
                              </w:r>
                            </w:p>
                            <w:p w:rsidR="000D60B1" w:rsidRDefault="00F8793A">
                              <w:pPr>
                                <w:pStyle w:val="Template-Adresse"/>
                              </w:pPr>
                              <w:r>
                                <w:t>2450 Kbh. SV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e5b2f298-cc4a-4e9d-b082-bbf4f1c9e1bb&quot;}}"/>
                            <w:id w:val="-201631515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720B89" w:rsidRPr="0073534F" w:rsidRDefault="001074D1" w:rsidP="00720B89">
                              <w:pPr>
                                <w:pStyle w:val="Template-Adresse"/>
                              </w:pPr>
                              <w:sdt>
                                <w:sdtPr>
                                  <w:alias w:val="Phone"/>
                                  <w:tag w:val="{&quot;templafy&quot;:{&quot;id&quot;:&quot;63c4f437-0fc2-4d23-a128-a57ff4497069&quot;}}"/>
                                  <w:id w:val="-1027801535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r w:rsidR="004C19F2">
                                    <w:t>Tlf. nr.</w:t>
                                  </w:r>
                                </w:sdtContent>
                              </w:sdt>
                              <w:r w:rsidR="00720B89" w:rsidRPr="0073534F">
                                <w:t xml:space="preserve">.: </w:t>
                              </w:r>
                              <w:sdt>
                                <w:sdtPr>
                                  <w:alias w:val="Phone"/>
                                  <w:tag w:val="{&quot;templafy&quot;:{&quot;id&quot;:&quot;aea10113-7844-4e1c-ba0b-29a2b84a41df&quot;}}"/>
                                  <w:id w:val="174692284"/>
                                  <w:placeholder>
                                    <w:docPart w:val="6A5519F527204574B8C11095B825B060"/>
                                  </w:placeholder>
                                </w:sdtPr>
                                <w:sdtEndPr/>
                                <w:sdtContent>
                                  <w:r w:rsidR="004C19F2">
                                    <w:t>+45 33 92 50 00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8bee4019-1bc2-4d28-9b55-f4b174b99bbb&quot;}}"/>
                            <w:id w:val="842140210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720B89" w:rsidRPr="00F9138C" w:rsidRDefault="001074D1" w:rsidP="00720B89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sdt>
                                <w:sdtPr>
                                  <w:alias w:val="Email"/>
                                  <w:tag w:val="{&quot;templafy&quot;:{&quot;id&quot;:&quot;be397e5b-6696-4a57-9ae8-f4252fe3ed8d&quot;}}"/>
                                  <w:id w:val="-1663534479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r w:rsidR="004C19F2" w:rsidRPr="00F9138C">
                                    <w:rPr>
                                      <w:lang w:val="en-US"/>
                                    </w:rPr>
                                    <w:t>E-mail</w:t>
                                  </w:r>
                                </w:sdtContent>
                              </w:sdt>
                              <w:r w:rsidR="00720B89" w:rsidRPr="00F9138C">
                                <w:rPr>
                                  <w:lang w:val="en-US"/>
                                </w:rPr>
                                <w:t xml:space="preserve">: </w:t>
                              </w:r>
                              <w:sdt>
                                <w:sdtPr>
                                  <w:alias w:val="UserProfile.Office.Email"/>
                                  <w:tag w:val="{&quot;templafy&quot;:{&quot;id&quot;:&quot;d998f448-bc2a-4018-ab19-4c9f421dfe80&quot;}}"/>
                                  <w:id w:val="1128514506"/>
                                  <w:placeholder>
                                    <w:docPart w:val="DB216610F2AE456EA02E47663FF0F998"/>
                                  </w:placeholder>
                                </w:sdtPr>
                                <w:sdtEndPr/>
                                <w:sdtContent>
                                  <w:r w:rsidR="004C19F2" w:rsidRPr="00F9138C">
                                    <w:rPr>
                                      <w:lang w:val="en-US"/>
                                    </w:rPr>
                                    <w:t>stuk@stukuvm.dk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Web"/>
                            <w:tag w:val="{&quot;templafy&quot;:{&quot;id&quot;:&quot;2e1f3e4d-7cde-485b-9693-d3803c316108&quot;}}"/>
                            <w:id w:val="372441621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0D60B1" w:rsidRPr="00F9138C" w:rsidRDefault="00F8793A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r w:rsidRPr="00F9138C">
                                <w:rPr>
                                  <w:lang w:val="en-US"/>
                                </w:rPr>
                                <w:t>www.stukuvm.dk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55c6cf12-1bf9-4450-b10a-bf98f2b01a9e&quot;}}"/>
                            <w:id w:val="-714509226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720B89" w:rsidRPr="00F9138C" w:rsidRDefault="001074D1" w:rsidP="00720B89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sdt>
                                <w:sdtPr>
                                  <w:alias w:val="CVR"/>
                                  <w:tag w:val="{&quot;templafy&quot;:{&quot;id&quot;:&quot;c3bd1c61-6691-4173-85a3-a71bfabd5f4a&quot;}}"/>
                                  <w:id w:val="-1139572359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r w:rsidR="004C19F2" w:rsidRPr="00F9138C">
                                    <w:rPr>
                                      <w:lang w:val="en-US"/>
                                    </w:rPr>
                                    <w:t>CVR-nr.</w:t>
                                  </w:r>
                                </w:sdtContent>
                              </w:sdt>
                              <w:r w:rsidR="00720B89" w:rsidRPr="00F9138C">
                                <w:rPr>
                                  <w:lang w:val="en-US"/>
                                </w:rPr>
                                <w:t xml:space="preserve">: </w:t>
                              </w:r>
                              <w:sdt>
                                <w:sdtPr>
                                  <w:alias w:val="Cvr"/>
                                  <w:tag w:val="{&quot;templafy&quot;:{&quot;id&quot;:&quot;ec0ff665-0412-4877-afb2-633de63c4864&quot;}}"/>
                                  <w:id w:val="1843966640"/>
                                  <w:placeholder>
                                    <w:docPart w:val="10824624C4DE456EBEA7FD410E516213"/>
                                  </w:placeholder>
                                </w:sdtPr>
                                <w:sdtEndPr/>
                                <w:sdtContent>
                                  <w:r w:rsidR="004C19F2" w:rsidRPr="00F9138C">
                                    <w:rPr>
                                      <w:lang w:val="en-US"/>
                                    </w:rPr>
                                    <w:t>29634750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  <w:tr w:rsidR="00115C8F" w:rsidRPr="005809B2" w:rsidTr="00F73162">
                      <w:trPr>
                        <w:trHeight w:val="2042"/>
                      </w:trPr>
                      <w:tc>
                        <w:tcPr>
                          <w:tcW w:w="2352" w:type="dxa"/>
                        </w:tcPr>
                        <w:p w:rsidR="00AB35DB" w:rsidRPr="005704AD" w:rsidRDefault="00AB35DB" w:rsidP="00F9138C">
                          <w:pPr>
                            <w:pStyle w:val="Template-Department"/>
                            <w:rPr>
                              <w:lang w:val="en-US"/>
                            </w:rPr>
                          </w:pPr>
                        </w:p>
                      </w:tc>
                    </w:tr>
                  </w:tbl>
                  <w:p w:rsidR="00401F14" w:rsidRPr="005704AD" w:rsidRDefault="00401F14" w:rsidP="00401F14">
                    <w:pPr>
                      <w:pStyle w:val="Template-Adresse"/>
                      <w:rPr>
                        <w:lang w:val="en-US"/>
                      </w:rPr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39087434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9087434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0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24FF"/>
    <w:rsid w:val="00004865"/>
    <w:rsid w:val="00011B79"/>
    <w:rsid w:val="0002104E"/>
    <w:rsid w:val="00035F03"/>
    <w:rsid w:val="00042CF7"/>
    <w:rsid w:val="0006254E"/>
    <w:rsid w:val="00080DB5"/>
    <w:rsid w:val="00094147"/>
    <w:rsid w:val="00094ABD"/>
    <w:rsid w:val="000A5604"/>
    <w:rsid w:val="000D60B1"/>
    <w:rsid w:val="000E3EFA"/>
    <w:rsid w:val="00102C30"/>
    <w:rsid w:val="001074D1"/>
    <w:rsid w:val="00115C8F"/>
    <w:rsid w:val="0013244F"/>
    <w:rsid w:val="0013361D"/>
    <w:rsid w:val="00182651"/>
    <w:rsid w:val="001E2A4B"/>
    <w:rsid w:val="001E4ED8"/>
    <w:rsid w:val="00244D70"/>
    <w:rsid w:val="00260A4F"/>
    <w:rsid w:val="00277AED"/>
    <w:rsid w:val="00284E5C"/>
    <w:rsid w:val="002D5562"/>
    <w:rsid w:val="002E74A4"/>
    <w:rsid w:val="00307197"/>
    <w:rsid w:val="00321C3D"/>
    <w:rsid w:val="00345B4C"/>
    <w:rsid w:val="00360FC2"/>
    <w:rsid w:val="00382D2A"/>
    <w:rsid w:val="00392645"/>
    <w:rsid w:val="003979B6"/>
    <w:rsid w:val="003A46D5"/>
    <w:rsid w:val="003B35B0"/>
    <w:rsid w:val="003C4976"/>
    <w:rsid w:val="003C4B9F"/>
    <w:rsid w:val="003C4F9F"/>
    <w:rsid w:val="003C60F1"/>
    <w:rsid w:val="003E3EEB"/>
    <w:rsid w:val="00401F14"/>
    <w:rsid w:val="00404C2D"/>
    <w:rsid w:val="004069E7"/>
    <w:rsid w:val="00414570"/>
    <w:rsid w:val="00424709"/>
    <w:rsid w:val="00424AD9"/>
    <w:rsid w:val="00444E6F"/>
    <w:rsid w:val="004A33C2"/>
    <w:rsid w:val="004B18B2"/>
    <w:rsid w:val="004C01B2"/>
    <w:rsid w:val="004C19F2"/>
    <w:rsid w:val="00504453"/>
    <w:rsid w:val="00514920"/>
    <w:rsid w:val="005178A7"/>
    <w:rsid w:val="005205C4"/>
    <w:rsid w:val="005256A8"/>
    <w:rsid w:val="0053300F"/>
    <w:rsid w:val="00537F6C"/>
    <w:rsid w:val="005440A8"/>
    <w:rsid w:val="005549AB"/>
    <w:rsid w:val="00554B57"/>
    <w:rsid w:val="00557FEA"/>
    <w:rsid w:val="005704AD"/>
    <w:rsid w:val="005809B2"/>
    <w:rsid w:val="005A28D4"/>
    <w:rsid w:val="005B1401"/>
    <w:rsid w:val="005B7AF3"/>
    <w:rsid w:val="005C5F97"/>
    <w:rsid w:val="005E52A1"/>
    <w:rsid w:val="005F1580"/>
    <w:rsid w:val="005F3ED8"/>
    <w:rsid w:val="005F6B57"/>
    <w:rsid w:val="00610BC8"/>
    <w:rsid w:val="0064055E"/>
    <w:rsid w:val="00655B49"/>
    <w:rsid w:val="006804F9"/>
    <w:rsid w:val="00681D83"/>
    <w:rsid w:val="006863A1"/>
    <w:rsid w:val="006900C2"/>
    <w:rsid w:val="006A2A9D"/>
    <w:rsid w:val="006A650C"/>
    <w:rsid w:val="006B007B"/>
    <w:rsid w:val="006B30A9"/>
    <w:rsid w:val="006B4A27"/>
    <w:rsid w:val="006C4140"/>
    <w:rsid w:val="006D01D0"/>
    <w:rsid w:val="006F5BD7"/>
    <w:rsid w:val="006F776D"/>
    <w:rsid w:val="0070267E"/>
    <w:rsid w:val="00706E32"/>
    <w:rsid w:val="00720B89"/>
    <w:rsid w:val="007546AF"/>
    <w:rsid w:val="00755FA4"/>
    <w:rsid w:val="0076127F"/>
    <w:rsid w:val="00765934"/>
    <w:rsid w:val="007753E4"/>
    <w:rsid w:val="00780CEF"/>
    <w:rsid w:val="007A1874"/>
    <w:rsid w:val="007E373C"/>
    <w:rsid w:val="0081559C"/>
    <w:rsid w:val="00892D08"/>
    <w:rsid w:val="00893791"/>
    <w:rsid w:val="008C6EB9"/>
    <w:rsid w:val="008E238A"/>
    <w:rsid w:val="008E5A6D"/>
    <w:rsid w:val="008F32DF"/>
    <w:rsid w:val="008F3540"/>
    <w:rsid w:val="008F4D20"/>
    <w:rsid w:val="009129CA"/>
    <w:rsid w:val="0094757D"/>
    <w:rsid w:val="00951B25"/>
    <w:rsid w:val="00967FAB"/>
    <w:rsid w:val="009737E4"/>
    <w:rsid w:val="00976925"/>
    <w:rsid w:val="00983B74"/>
    <w:rsid w:val="00990263"/>
    <w:rsid w:val="009A166C"/>
    <w:rsid w:val="009A4CCC"/>
    <w:rsid w:val="009C1C38"/>
    <w:rsid w:val="009C3DE2"/>
    <w:rsid w:val="009C7AE2"/>
    <w:rsid w:val="009D6CEC"/>
    <w:rsid w:val="009E4B94"/>
    <w:rsid w:val="009E56DF"/>
    <w:rsid w:val="009F1830"/>
    <w:rsid w:val="00A10EC4"/>
    <w:rsid w:val="00A7754A"/>
    <w:rsid w:val="00A91FE1"/>
    <w:rsid w:val="00A969E9"/>
    <w:rsid w:val="00AA1255"/>
    <w:rsid w:val="00AB35DB"/>
    <w:rsid w:val="00AB4582"/>
    <w:rsid w:val="00AD4240"/>
    <w:rsid w:val="00AE0CE1"/>
    <w:rsid w:val="00AE4221"/>
    <w:rsid w:val="00AF1D02"/>
    <w:rsid w:val="00B00D92"/>
    <w:rsid w:val="00B356D0"/>
    <w:rsid w:val="00B46494"/>
    <w:rsid w:val="00B8474C"/>
    <w:rsid w:val="00BB295B"/>
    <w:rsid w:val="00BB4255"/>
    <w:rsid w:val="00BF08B1"/>
    <w:rsid w:val="00BF0EBC"/>
    <w:rsid w:val="00C149C4"/>
    <w:rsid w:val="00C357EF"/>
    <w:rsid w:val="00C60F19"/>
    <w:rsid w:val="00C856ED"/>
    <w:rsid w:val="00CB15C0"/>
    <w:rsid w:val="00CB58E3"/>
    <w:rsid w:val="00CC6322"/>
    <w:rsid w:val="00CF635D"/>
    <w:rsid w:val="00D01FD5"/>
    <w:rsid w:val="00D16CE9"/>
    <w:rsid w:val="00D27D0E"/>
    <w:rsid w:val="00D3752F"/>
    <w:rsid w:val="00D53670"/>
    <w:rsid w:val="00D55E45"/>
    <w:rsid w:val="00D73FE0"/>
    <w:rsid w:val="00D87876"/>
    <w:rsid w:val="00D91186"/>
    <w:rsid w:val="00D96141"/>
    <w:rsid w:val="00DB31AF"/>
    <w:rsid w:val="00DC61BD"/>
    <w:rsid w:val="00DD1936"/>
    <w:rsid w:val="00DE2B28"/>
    <w:rsid w:val="00DF1623"/>
    <w:rsid w:val="00DF19F8"/>
    <w:rsid w:val="00E005F5"/>
    <w:rsid w:val="00E0577B"/>
    <w:rsid w:val="00E4515C"/>
    <w:rsid w:val="00E45EC1"/>
    <w:rsid w:val="00E5185C"/>
    <w:rsid w:val="00E53EE9"/>
    <w:rsid w:val="00E9161E"/>
    <w:rsid w:val="00E968FF"/>
    <w:rsid w:val="00EA4E6C"/>
    <w:rsid w:val="00EB6632"/>
    <w:rsid w:val="00ED5D00"/>
    <w:rsid w:val="00EF2086"/>
    <w:rsid w:val="00F710A5"/>
    <w:rsid w:val="00F73162"/>
    <w:rsid w:val="00F8793A"/>
    <w:rsid w:val="00F9138C"/>
    <w:rsid w:val="00F94554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756B8219"/>
  <w15:docId w15:val="{AF8D7DB3-95C9-49BB-9688-76F8667D6CF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6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6863A1"/>
    <w:pPr>
      <w:spacing w:line="300" w:lineRule="exact"/>
    </w:pPr>
  </w:style>
  <w:style w:type="paragraph" w:styleId="Overskrift1">
    <w:name w:val="heading 1"/>
    <w:basedOn w:val="Normal"/>
    <w:next w:val="Brdtekst"/>
    <w:link w:val="Overskrift1Tegn"/>
    <w:uiPriority w:val="1"/>
    <w:qFormat/>
    <w:rsid w:val="00B356D0"/>
    <w:pPr>
      <w:keepNext/>
      <w:keepLines/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1"/>
    <w:qFormat/>
    <w:rsid w:val="00B356D0"/>
    <w:pPr>
      <w:keepNext/>
      <w:keepLines/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1"/>
    <w:qFormat/>
    <w:rsid w:val="00B356D0"/>
    <w:pPr>
      <w:keepNext/>
      <w:keepLines/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356D0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356D0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356D0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356D0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356D0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356D0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6A2A9D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6A2A9D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356D0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356D0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356D0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356D0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356D0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356D0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356D0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6A2A9D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6A2A9D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6A2A9D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32"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qFormat/>
    <w:rsid w:val="008E238A"/>
    <w:rPr>
      <w:b/>
      <w:bCs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8E238A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E238A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8E238A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E238A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3C4976"/>
    <w:pPr>
      <w:numPr>
        <w:numId w:val="13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3C4976"/>
    <w:pPr>
      <w:numPr>
        <w:numId w:val="14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424709"/>
    <w:rPr>
      <w:lang w:val="da-DK"/>
    </w:rPr>
  </w:style>
  <w:style w:type="paragraph" w:customStyle="1" w:styleId="Template">
    <w:name w:val="Template"/>
    <w:uiPriority w:val="8"/>
    <w:semiHidden/>
    <w:rsid w:val="009C1C38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094147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6A2A9D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D6CEC"/>
    <w:pPr>
      <w:spacing w:before="68" w:after="120" w:line="280" w:lineRule="atLeast"/>
      <w:ind w:left="113" w:right="113"/>
    </w:pPr>
    <w:rPr>
      <w:rFonts w:ascii="Calibri" w:hAnsi="Calibri"/>
      <w:sz w:val="22"/>
    </w:rPr>
  </w:style>
  <w:style w:type="paragraph" w:customStyle="1" w:styleId="Tabel-Tekst">
    <w:name w:val="Tabel - Tekst"/>
    <w:basedOn w:val="Tabel"/>
    <w:uiPriority w:val="7"/>
    <w:rsid w:val="00424709"/>
  </w:style>
  <w:style w:type="paragraph" w:customStyle="1" w:styleId="Tabel-TekstTotal">
    <w:name w:val="Tabel - Tekst Total"/>
    <w:basedOn w:val="Tabel-Tekst"/>
    <w:uiPriority w:val="7"/>
    <w:rsid w:val="00424709"/>
    <w:rPr>
      <w:b/>
    </w:rPr>
  </w:style>
  <w:style w:type="paragraph" w:customStyle="1" w:styleId="Tabel-Tal">
    <w:name w:val="Tabel - Tal"/>
    <w:basedOn w:val="Tabel"/>
    <w:uiPriority w:val="7"/>
    <w:rsid w:val="00893791"/>
    <w:pPr>
      <w:jc w:val="right"/>
    </w:pPr>
  </w:style>
  <w:style w:type="paragraph" w:customStyle="1" w:styleId="Tabel-TalTotal">
    <w:name w:val="Tabel - Tal Total"/>
    <w:basedOn w:val="Tabel-Tal"/>
    <w:uiPriority w:val="7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6A2A9D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3E3EEB"/>
    <w:pPr>
      <w:spacing w:after="300"/>
      <w:contextualSpacing/>
      <w:outlineLvl w:val="0"/>
    </w:pPr>
    <w:rPr>
      <w:b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ogSagsnr">
    <w:name w:val="Template - Dato og Sagsnr"/>
    <w:basedOn w:val="Template"/>
    <w:uiPriority w:val="8"/>
    <w:semiHidden/>
    <w:rsid w:val="005256A8"/>
  </w:style>
  <w:style w:type="paragraph" w:styleId="Markeringsbobletekst">
    <w:name w:val="Balloon Text"/>
    <w:basedOn w:val="Normal"/>
    <w:link w:val="MarkeringsbobletekstTegn"/>
    <w:uiPriority w:val="99"/>
    <w:semiHidden/>
    <w:rsid w:val="005B1401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6A2A9D"/>
    <w:rPr>
      <w:rFonts w:ascii="Tahoma" w:hAnsi="Tahoma" w:cs="Tahoma"/>
      <w:sz w:val="16"/>
      <w:szCs w:val="16"/>
      <w:lang w:val="da-DK"/>
    </w:rPr>
  </w:style>
  <w:style w:type="paragraph" w:customStyle="1" w:styleId="Tabel-Overskrift">
    <w:name w:val="Tabel - Overskrift"/>
    <w:basedOn w:val="Tabel-Tekst"/>
    <w:uiPriority w:val="7"/>
    <w:rsid w:val="009D6CEC"/>
    <w:rPr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9D6CEC"/>
    <w:pPr>
      <w:jc w:val="right"/>
    </w:pPr>
  </w:style>
  <w:style w:type="paragraph" w:styleId="Brdtekst">
    <w:name w:val="Body Text"/>
    <w:basedOn w:val="Normal"/>
    <w:link w:val="BrdtekstTegn"/>
    <w:unhideWhenUsed/>
    <w:qFormat/>
    <w:rsid w:val="006863A1"/>
    <w:rPr>
      <w:rFonts w:eastAsia="Times New Roman" w:cs="Times New Roman"/>
      <w:szCs w:val="20"/>
    </w:rPr>
  </w:style>
  <w:style w:type="character" w:customStyle="1" w:styleId="BrdtekstTegn">
    <w:name w:val="Brødtekst Tegn"/>
    <w:basedOn w:val="Standardskrifttypeiafsnit"/>
    <w:link w:val="Brdtekst"/>
    <w:rsid w:val="006863A1"/>
    <w:rPr>
      <w:rFonts w:eastAsia="Times New Roman" w:cs="Times New Roman"/>
      <w:szCs w:val="20"/>
      <w:lang w:val="da-DK"/>
    </w:rPr>
  </w:style>
  <w:style w:type="table" w:customStyle="1" w:styleId="Opstilling">
    <w:name w:val="Opstilling"/>
    <w:basedOn w:val="Tabel-Normal"/>
    <w:uiPriority w:val="99"/>
    <w:rsid w:val="009E56DF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Ind w:w="0" w:type="nil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9E56DF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Ind w:w="0" w:type="nil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535488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66875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06121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7583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93915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0" Type="http://schemas.openxmlformats.org/officeDocument/2006/relationships/footer" Target="foot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5AF146EF26D248958E9C88BB72D5C1D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E7E1916-50EE-460D-AACC-15DE1232D1D5}"/>
      </w:docPartPr>
      <w:docPartBody>
        <w:p w:rsidR="00CC0BFC" w:rsidRDefault="00483362" w:rsidP="00483362">
          <w:pPr>
            <w:pStyle w:val="5AF146EF26D248958E9C88BB72D5C1D1"/>
          </w:pPr>
          <w:r w:rsidRPr="006717A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6A5519F527204574B8C11095B825B06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CE90231-CFD9-4925-944D-BB2EBA5F40E4}"/>
      </w:docPartPr>
      <w:docPartBody>
        <w:p w:rsidR="00CC0BFC" w:rsidRDefault="00CA7EF2" w:rsidP="00CA7EF2">
          <w:pPr>
            <w:pStyle w:val="6A5519F527204574B8C11095B825B0605"/>
          </w:pPr>
          <w:r>
            <w:rPr>
              <w:rStyle w:val="Pladsholdertekst"/>
            </w:rPr>
            <w:t xml:space="preserve"> </w:t>
          </w:r>
        </w:p>
      </w:docPartBody>
    </w:docPart>
    <w:docPart>
      <w:docPartPr>
        <w:name w:val="DB216610F2AE456EA02E47663FF0F9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BC179A1-F6EF-4189-969C-138446BC7AB3}"/>
      </w:docPartPr>
      <w:docPartBody>
        <w:p w:rsidR="00CC0BFC" w:rsidRDefault="00CA7EF2" w:rsidP="00CA7EF2">
          <w:pPr>
            <w:pStyle w:val="DB216610F2AE456EA02E47663FF0F9985"/>
          </w:pPr>
          <w:r>
            <w:rPr>
              <w:rStyle w:val="Pladsholdertekst"/>
            </w:rPr>
            <w:t xml:space="preserve"> </w:t>
          </w:r>
        </w:p>
      </w:docPartBody>
    </w:docPart>
    <w:docPart>
      <w:docPartPr>
        <w:name w:val="10824624C4DE456EBEA7FD410E51621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2AB8387-D11A-4618-9EF8-03835CB72084}"/>
      </w:docPartPr>
      <w:docPartBody>
        <w:p w:rsidR="00CC0BFC" w:rsidRDefault="00CA7EF2" w:rsidP="00483362">
          <w:pPr>
            <w:pStyle w:val="10824624C4DE456EBEA7FD410E516213"/>
          </w:pPr>
          <w:r w:rsidRPr="0074590D">
            <w:t xml:space="preserve"> </w:t>
          </w:r>
        </w:p>
      </w:docPartBody>
    </w:docPart>
    <w:docPart>
      <w:docPartPr>
        <w:name w:val="42D5209B0A9C49A891BC02F2659DD0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C2AC26A-6AE4-43C6-8C30-DEEABD382CFA}"/>
      </w:docPartPr>
      <w:docPartBody>
        <w:p w:rsidR="003B2E9D" w:rsidRDefault="00CA7EF2">
          <w:r>
            <w:t xml:space="preserve"> 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ndara">
    <w:panose1 w:val="020E0502030303020204"/>
    <w:charset w:val="00"/>
    <w:family w:val="swiss"/>
    <w:pitch w:val="variable"/>
    <w:sig w:usb0="A00002EF" w:usb1="4000A44B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66636F"/>
    <w:rsid w:val="0000787A"/>
    <w:rsid w:val="000D73A1"/>
    <w:rsid w:val="000F2AF9"/>
    <w:rsid w:val="001C2635"/>
    <w:rsid w:val="00221A4C"/>
    <w:rsid w:val="002351BF"/>
    <w:rsid w:val="0024281E"/>
    <w:rsid w:val="00260C45"/>
    <w:rsid w:val="002E0B45"/>
    <w:rsid w:val="00330AEA"/>
    <w:rsid w:val="00380A92"/>
    <w:rsid w:val="003B2E9D"/>
    <w:rsid w:val="00403BE7"/>
    <w:rsid w:val="00483362"/>
    <w:rsid w:val="00556782"/>
    <w:rsid w:val="0066636F"/>
    <w:rsid w:val="00674088"/>
    <w:rsid w:val="0070438B"/>
    <w:rsid w:val="00775A49"/>
    <w:rsid w:val="00782A12"/>
    <w:rsid w:val="007904AA"/>
    <w:rsid w:val="007A5720"/>
    <w:rsid w:val="007C19D8"/>
    <w:rsid w:val="0084604F"/>
    <w:rsid w:val="00873CD1"/>
    <w:rsid w:val="008D6DE3"/>
    <w:rsid w:val="008E2573"/>
    <w:rsid w:val="009C17AE"/>
    <w:rsid w:val="00A33907"/>
    <w:rsid w:val="00A4273C"/>
    <w:rsid w:val="00AC649D"/>
    <w:rsid w:val="00AD57A7"/>
    <w:rsid w:val="00AD63A8"/>
    <w:rsid w:val="00B27DAD"/>
    <w:rsid w:val="00B44D3A"/>
    <w:rsid w:val="00B86FC2"/>
    <w:rsid w:val="00BE09EA"/>
    <w:rsid w:val="00C666E2"/>
    <w:rsid w:val="00C705C1"/>
    <w:rsid w:val="00CA7EF2"/>
    <w:rsid w:val="00CC0BFC"/>
    <w:rsid w:val="00D529FC"/>
    <w:rsid w:val="00D81B57"/>
    <w:rsid w:val="00DA6D7D"/>
    <w:rsid w:val="00DC3E5C"/>
    <w:rsid w:val="00E018B9"/>
    <w:rsid w:val="00E651FC"/>
    <w:rsid w:val="00E971A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CA7EF2"/>
    <w:rPr>
      <w:color w:val="auto"/>
    </w:rPr>
  </w:style>
  <w:style w:type="paragraph" w:customStyle="1" w:styleId="5AF146EF26D248958E9C88BB72D5C1D1">
    <w:name w:val="5AF146EF26D248958E9C88BB72D5C1D1"/>
    <w:rsid w:val="00483362"/>
    <w:pPr>
      <w:spacing w:after="160" w:line="259" w:lineRule="auto"/>
    </w:pPr>
  </w:style>
  <w:style w:type="paragraph" w:customStyle="1" w:styleId="10824624C4DE456EBEA7FD410E516213">
    <w:name w:val="10824624C4DE456EBEA7FD410E516213"/>
    <w:rsid w:val="00483362"/>
    <w:pPr>
      <w:spacing w:after="160" w:line="259" w:lineRule="auto"/>
    </w:pPr>
  </w:style>
  <w:style w:type="paragraph" w:customStyle="1" w:styleId="69FDE71554FD45CF8E916CEAACE9B99E">
    <w:name w:val="69FDE71554FD45CF8E916CEAACE9B99E"/>
    <w:rsid w:val="00CC0BFC"/>
    <w:pPr>
      <w:spacing w:after="160" w:line="259" w:lineRule="auto"/>
    </w:pPr>
  </w:style>
  <w:style w:type="paragraph" w:customStyle="1" w:styleId="9439D123C73F4B50A70DD8A2369C052D">
    <w:name w:val="9439D123C73F4B50A70DD8A2369C052D"/>
    <w:rsid w:val="00CC0BFC"/>
    <w:pPr>
      <w:spacing w:after="160" w:line="259" w:lineRule="auto"/>
    </w:pPr>
  </w:style>
  <w:style w:type="paragraph" w:customStyle="1" w:styleId="071CF7A7AA7347E8BF4753455744399E">
    <w:name w:val="071CF7A7AA7347E8BF4753455744399E"/>
    <w:rsid w:val="00CC0BFC"/>
    <w:pPr>
      <w:spacing w:after="160" w:line="259" w:lineRule="auto"/>
    </w:pPr>
  </w:style>
  <w:style w:type="paragraph" w:customStyle="1" w:styleId="7FF42B9E270F46179E54E0C0DF325F47">
    <w:name w:val="7FF42B9E270F46179E54E0C0DF325F47"/>
    <w:rsid w:val="003B2E9D"/>
    <w:pPr>
      <w:spacing w:after="160" w:line="259" w:lineRule="auto"/>
    </w:pPr>
  </w:style>
  <w:style w:type="paragraph" w:customStyle="1" w:styleId="DefaultPlaceholder10820651584">
    <w:name w:val="DefaultPlaceholder_10820651584"/>
    <w:rsid w:val="00CA7EF2"/>
    <w:pPr>
      <w:spacing w:after="0" w:line="300" w:lineRule="exact"/>
    </w:pPr>
    <w:rPr>
      <w:rFonts w:ascii="Garamond" w:eastAsiaTheme="minorHAnsi" w:hAnsi="Garamond"/>
      <w:sz w:val="24"/>
      <w:szCs w:val="24"/>
      <w:lang w:eastAsia="en-US"/>
    </w:rPr>
  </w:style>
  <w:style w:type="paragraph" w:customStyle="1" w:styleId="6A5519F527204574B8C11095B825B0605">
    <w:name w:val="6A5519F527204574B8C11095B825B0605"/>
    <w:rsid w:val="00CA7EF2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DB216610F2AE456EA02E47663FF0F9985">
    <w:name w:val="DB216610F2AE456EA02E47663FF0F9985"/>
    <w:rsid w:val="00CA7EF2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defaultValue":"true","helpTexts":{"prefix":"","postfix":""},"spacing":{},"type":"checkBox","name":"LogoVisibility","label":"Vis logo","fullyQualifiedName":"LogoVisibility"},{"required":false,"helpTexts":{"prefix":"","postfix":""},"spacing":{},"type":"datePicker","name":"Date","label":"Dato","fullyQualifiedName":"Date"}],"formDataEntries":[{"name":"LogoVisibility","value":"8g7WrmqZp2dR0/ok1A9xEw=="},{"name":"Date","value":"Rme7NgNxx7nw2TnA3QEtQA=="}]}]]></TemplafyFormConfiguration>
</file>

<file path=customXml/item2.xml><?xml version="1.0" encoding="utf-8"?>
<TemplafyTemplateConfiguration><![CDATA[{"elementsMetadata":[{"type":"richTextContentControl","id":"d4afc784-6b05-452c-bde3-a80aaebb5cf5","elementConfiguration":{"binding":"Translations.BestRegards","removeAndKeepContent":false,"disableUpdates":false,"type":"text"}},{"type":"richTextContentControl","id":"ef4792b9-cfda-4188-84dc-6a955a202ddf","elementConfiguration":{"binding":"UserProfile.Name","visibility":{"action":"hide","binding":"UserProfile.Name","operator":"equals","compareValue":""},"removeAndKeepContent":false,"disableUpdates":false,"type":"text"}},{"type":"richTextContentControl","id":"744293fb-414a-4358-9dd5-461f575dab7b","elementConfiguration":{"binding":"UserProfile.Title","visibility":{"action":"hide","binding":"UserProfile.Title","operator":"equals","compareValue":""},"removeAndKeepContent":false,"disableUpdates":false,"type":"text"}},{"type":"richTextContentControl","id":"d6198b34-408d-44ea-9b93-4e134e597ec0","elementConfiguration":{"binding":"UserProfile.DepartmentLocal","visibility":{"action":"hide","binding":"UserProfile.DepartmentLocal","operator":"equals","compareValue":""},"removeAndKeepContent":false,"disableUpdates":false,"type":"text"}},{"type":"richTextContentControl","id":"c3ca73d0-11c2-4410-a151-83bfd191e3dd","elementConfiguration":{"visibility":{"action":"hide","binding":"UserProfile.DirectPhone","operator":"equals","compareValue":""},"disableUpdates":false,"type":"group"}},{"type":"richTextContentControl","id":"ac36016b-e1cc-4062-b429-00ddca04f83f","elementConfiguration":{"binding":"Translations.DirectPhone","removeAndKeepContent":false,"disableUpdates":false,"type":"text"}},{"type":"richTextContentControl","id":"2be81f91-f08d-4fa0-b448-83c8c347b2aa","elementConfiguration":{"binding":"UserProfile.DirectPhone","removeAndKeepContent":false,"disableUpdates":false,"type":"text"}},{"type":"richTextContentControl","id":"ab117224-f684-4337-98d6-7247903cad90","elementConfiguration":{"binding":"UserProfile.Email","removeAndKeepContent":false,"disableUpdates":false,"type":"text"}},{"type":"richTextContentControl","id":"8b05e5d5-316c-42f1-b591-a874de2dcd7e","elementConfiguration":{"binding":"UserProfile.Office.Myndighed","visibility":{"action":"hide","binding":"UserProfile.Office.Myndighed","operator":"equals","compareValue":""},"removeAndKeepContent":false,"disableUpdates":false,"type":"text"}},{"type":"richTextContentControl","id":"abd6582b-fec0-47fa-8435-ee73693d2e2e","elementConfiguration":{"binding":"UserProfile.DepartmentLocal","visibility":{"action":"hide","binding":"UserProfile.DepartmentLocal","operator":"equals","compareValue":""},"removeAndKeepContent":false,"disableUpdates":false,"type":"text"}},{"type":"richTextContentControl","id":"e7f09f54-a691-43db-93ca-fc9370d0bfde","elementConfiguration":{"binding":"UserProfile.Office.Address","visibility":{"action":"hide","operator":"equals","compareValue":""},"removeAndKeepContent":false,"disableUpdates":false,"type":"text"}},{"type":"richTextContentControl","id":"e5b2f298-cc4a-4e9d-b082-bbf4f1c9e1bb","elementConfiguration":{"visibility":{"action":"hide","binding":"UserProfile.Office.Phone","operator":"equals","compareValue":""},"disableUpdates":false,"type":"group"}},{"type":"richTextContentControl","id":"63c4f437-0fc2-4d23-a128-a57ff4497069","elementConfiguration":{"binding":"Translations.Phone","removeAndKeepContent":false,"disableUpdates":false,"type":"text"}},{"type":"richTextContentControl","id":"aea10113-7844-4e1c-ba0b-29a2b84a41df","elementConfiguration":{"binding":"UserProfile.Office.Phone","removeAndKeepContent":false,"disableUpdates":false,"type":"text"}},{"type":"richTextContentControl","id":"8bee4019-1bc2-4d28-9b55-f4b174b99bbb","elementConfiguration":{"visibility":{"action":"hide","binding":"UserProfile.Email","operator":"equals","compareValue":""},"disableUpdates":false,"type":"group"}},{"type":"richTextContentControl","id":"be397e5b-6696-4a57-9ae8-f4252fe3ed8d","elementConfiguration":{"binding":"Translations.Email","removeAndKeepContent":false,"disableUpdates":false,"type":"text"}},{"type":"richTextContentControl","id":"d998f448-bc2a-4018-ab19-4c9f421dfe80","elementConfiguration":{"binding":"UserProfile.Office.Email","removeAndKeepContent":false,"disableUpdates":false,"type":"text"}},{"type":"richTextContentControl","id":"2e1f3e4d-7cde-485b-9693-d3803c316108","elementConfiguration":{"binding":"UserProfile.Office.Web","visibility":{"action":"hide","binding":"UserProfile.Office.Web","operator":"equals","compareValue":""},"removeAndKeepContent":false,"disableUpdates":false,"type":"text"}},{"type":"richTextContentControl","id":"55c6cf12-1bf9-4450-b10a-bf98f2b01a9e","elementConfiguration":{"visibility":{"action":"hide","binding":"UserProfile.Office.Cvr","operator":"equals","compareValue":""},"disableUpdates":false,"type":"group"}},{"type":"richTextContentControl","id":"c3bd1c61-6691-4173-85a3-a71bfabd5f4a","elementConfiguration":{"binding":"Translations.CVR","removeAndKeepContent":false,"disableUpdates":false,"type":"text"}},{"type":"richTextContentControl","id":"ec0ff665-0412-4877-afb2-633de63c4864","elementConfiguration":{"binding":"UserProfile.Office.Cvr","removeAndKeepContent":false,"disableUpdates":false,"type":"text"}},{"type":"richTextContentControl","id":"b750eb6f-58b7-40bc-863f-59bb0249ed0b","elementConfiguration":{"format":"{{DateFormats.GeneralDate}}","binding":"Form.Date","removeAndKeepContent":false,"disableUpdates":false,"type":"date"}},{"type":"richTextContentControl","id":"6f624f9f-22ee-4928-8ef3-76b962b47429","elementConfiguration":{"binding":"Translations.CaseNo","removeAndKeepContent":false,"disableUpdates":false,"type":"text"}},{"type":"richTextContentControl","id":"09e264f6-581e-4d2b-bbbb-d905319b3998","elementConfiguration":{"binding":"UserProfile.Office.Myndighed","visibility":{"action":"hide","binding":"UserProfile.Office.Myndighed","operator":"equals","compareValue":""},"removeAndKeepContent":false,"disableUpdates":false,"type":"text"}},{"type":"richTextContentControl","id":"804f97dd-3780-430f-86b9-9ba1aa1d446d","elementConfiguration":{"binding":"UserProfile.DepartmentLocal","visibility":{"action":"hide","binding":"UserProfile.DepartmentLocal","operator":"equals","compareValue":""},"removeAndKeepContent":false,"disableUpdates":false,"type":"text"}},{"type":"richTextContentControl","id":"3771b2d6-1c17-4281-9f8c-950462ab47e5","elementConfiguration":{"binding":"UserProfile.Office.Address","visibility":{"action":"hide","operator":"equals","compareValue":""},"removeAndKeepContent":false,"disableUpdates":false,"type":"text"}},{"type":"richTextContentControl","id":"f3dc459d-6c07-4c5d-805a-269379adcd9c","elementConfiguration":{"visibility":{"action":"hide","binding":"UserProfile.Office.Phone","operator":"equals","compareValue":""},"disableUpdates":false,"type":"group"}},{"type":"richTextContentControl","id":"0c1a8387-eb5b-4242-b1fd-0128135bc2b6","elementConfiguration":{"binding":"Translations.Phone","removeAndKeepContent":false,"disableUpdates":false,"type":"text"}},{"type":"richTextContentControl","id":"6a104b13-e6d8-4059-a3b8-fc02c21b77e4","elementConfiguration":{"binding":"UserProfile.Office.Phone","removeAndKeepContent":false,"disableUpdates":false,"type":"text"}},{"type":"richTextContentControl","id":"e8ea6e6a-26b3-495d-b44e-8ce5b6b2dbb5","elementConfiguration":{"visibility":{"action":"hide","binding":"UserProfile.Email","operator":"equals","compareValue":""},"disableUpdates":false,"type":"group"}},{"type":"richTextContentControl","id":"893ccc91-f1a3-4609-a2f7-fa7f599467d6","elementConfiguration":{"binding":"Translations.Email","removeAndKeepContent":false,"disableUpdates":false,"type":"text"}},{"type":"richTextContentControl","id":"f0537709-ca5e-4f49-abd6-4eb44e1cc10a","elementConfiguration":{"binding":"UserProfile.Office.Email","removeAndKeepContent":false,"disableUpdates":false,"type":"text"}},{"type":"richTextContentControl","id":"073819c2-f979-4940-8264-debbc0b17e54","elementConfiguration":{"binding":"UserProfile.Office.Web","visibility":{"action":"hide","binding":"UserProfile.Office.Web","operator":"equals","compareValue":""},"removeAndKeepContent":false,"disableUpdates":false,"type":"text"}},{"type":"richTextContentControl","id":"e748f26a-fc5c-46d7-825f-92b1dbeb6e22","elementConfiguration":{"visibility":{"action":"hide","binding":"UserProfile.Office.Cvr","operator":"equals","compareValue":""},"disableUpdates":false,"type":"group"}},{"type":"richTextContentControl","id":"e78deff3-d0ce-405b-ab3b-67d5ce036463","elementConfiguration":{"binding":"Translations.CVR","removeAndKeepContent":false,"disableUpdates":false,"type":"text"}},{"type":"richTextContentControl","id":"41e51c64-287e-4ba0-a13f-8d2dc5d52203","elementConfiguration":{"binding":"UserProfile.Office.Cvr","removeAndKeepContent":false,"disableUpdates":false,"type":"text"}},{"type":"richTextContentControl","id":"884aa63a-ca65-4e19-96f2-0dc09ade2002","elementConfiguration":{"format":"{{DateFormats.GeneralDate}}","binding":"Form.Date","removeAndKeepContent":false,"disableUpdates":false,"type":"date"}},{"type":"richTextContentControl","id":"fc51bd95-edf1-4813-80b3-fc10ca94c279","elementConfiguration":{"binding":"Translations.CaseNo","removeAndKeepContent":false,"disableUpdates":false,"type":"text"}}],"transformationConfigurations":[{"language":"{{DocumentLanguage}}","disableUpdates":false,"type":"proofingLanguage"},{"binding":"UserProfile.LogoInsertion.LogoName_{{Form.LogoVisibility}}","shapeName":"LogoHide","width":"","height":"{{UserProfile.LogoInsertion.LogoHeight}}","namedSections":"first","namedPages":"first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Styrelsesbrev","templateDescription":"","enableDocumentContentUpdater":true,"version":"1.4"}]]></TemplafyTemplateConfiguration>
</file>

<file path=customXml/item3.xml><?xml version="1.0" encoding="utf-8"?>
<AccessibilityAssistantData><![CDATA[{"Data":{}}]]></AccessibilityAssistantData>
</file>

<file path=customXml/itemProps1.xml><?xml version="1.0" encoding="utf-8"?>
<ds:datastoreItem xmlns:ds="http://schemas.openxmlformats.org/officeDocument/2006/customXml" ds:itemID="{BAB7CAA3-4121-4888-A172-58649B9E3441}">
  <ds:schemaRefs/>
</ds:datastoreItem>
</file>

<file path=customXml/itemProps2.xml><?xml version="1.0" encoding="utf-8"?>
<ds:datastoreItem xmlns:ds="http://schemas.openxmlformats.org/officeDocument/2006/customXml" ds:itemID="{D77E83A1-E019-4A18-849E-E153E67C711C}">
  <ds:schemaRefs/>
</ds:datastoreItem>
</file>

<file path=customXml/itemProps3.xml><?xml version="1.0" encoding="utf-8"?>
<ds:datastoreItem xmlns:ds="http://schemas.openxmlformats.org/officeDocument/2006/customXml" ds:itemID="{8DCE9888-7089-4363-A28B-9C48D271CBE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4</TotalTime>
  <Pages>1</Pages>
  <Words>72</Words>
  <Characters>534</Characters>
  <Application>Microsoft Office Word</Application>
  <DocSecurity>0</DocSecurity>
  <Lines>29</Lines>
  <Paragraphs>2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58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ormular til brug for stamoplysninger i ministeriets revisorregister </dc:title>
  <dc:subject/>
  <dc:creator>Brith Larsen</dc:creator>
  <cp:keywords/>
  <dc:description/>
  <cp:lastModifiedBy>Amamah Bhatti</cp:lastModifiedBy>
  <cp:revision>7</cp:revision>
  <dcterms:created xsi:type="dcterms:W3CDTF">2023-12-06T09:51:00Z</dcterms:created>
  <dcterms:modified xsi:type="dcterms:W3CDTF">2023-12-14T09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SD_ShowDocumentInfo">
    <vt:lpwstr>True</vt:lpwstr>
  </property>
  <property fmtid="{D5CDD505-2E9C-101B-9397-08002B2CF9AE}" pid="4" name="SD_ShowGeneralPanel">
    <vt:lpwstr>True</vt:lpwstr>
  </property>
  <property fmtid="{D5CDD505-2E9C-101B-9397-08002B2CF9AE}" pid="5" name="SD_BrandingGraphicBehavior">
    <vt:lpwstr>Standard</vt:lpwstr>
  </property>
  <property fmtid="{D5CDD505-2E9C-101B-9397-08002B2CF9AE}" pid="6" name="Engine">
    <vt:lpwstr>SkabelonEngine</vt:lpwstr>
  </property>
  <property fmtid="{D5CDD505-2E9C-101B-9397-08002B2CF9AE}" pid="7" name="TemplafyTimeStamp">
    <vt:lpwstr>2020-01-23T09:23:14.5895919Z</vt:lpwstr>
  </property>
  <property fmtid="{D5CDD505-2E9C-101B-9397-08002B2CF9AE}" pid="8" name="TemplafyTenantId">
    <vt:lpwstr>uvm</vt:lpwstr>
  </property>
  <property fmtid="{D5CDD505-2E9C-101B-9397-08002B2CF9AE}" pid="9" name="TemplafyTemplateId">
    <vt:lpwstr>637571213929530810</vt:lpwstr>
  </property>
  <property fmtid="{D5CDD505-2E9C-101B-9397-08002B2CF9AE}" pid="10" name="TemplafyUserProfileId">
    <vt:lpwstr>638324338333811537</vt:lpwstr>
  </property>
  <property fmtid="{D5CDD505-2E9C-101B-9397-08002B2CF9AE}" pid="11" name="TemplafyLanguageCode">
    <vt:lpwstr>da-DK</vt:lpwstr>
  </property>
</Properties>
</file>